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78" d="100"/>
          <a:sy n="78" d="100"/>
        </p:scale>
        <p:origin x="77" y="16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2/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27341" y="286977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977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ct 10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38801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331" y="5210388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</a:t>
            </a:r>
            <a:r>
              <a:rPr lang="en-GB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Ew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12-08T16:57:39Z</dcterms:modified>
</cp:coreProperties>
</file>